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threadedComments/threadedComment1.xml" ContentType="application/vnd.ms-excel.threadedcomments+xml"/>
  <Override PartName="/xl/persons/person.xml" ContentType="application/vnd.ms-excel.perso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527"/>
  <workbookPr defaultThemeVersion="124226"/>
  <mc:AlternateContent xmlns:mc="http://schemas.openxmlformats.org/markup-compatibility/2006">
    <mc:Choice Requires="x15">
      <x15ac:absPath xmlns:x15ac="http://schemas.microsoft.com/office/spreadsheetml/2010/11/ac" url="C:\Users\s009749\Desktop\SELEZIONI FOOD 2020\vending 2021\allegati lettera invito\"/>
    </mc:Choice>
  </mc:AlternateContent>
  <xr:revisionPtr revIDLastSave="0" documentId="13_ncr:1_{5E91CCAD-2F18-4496-BD0C-8D1E87D647AF}" xr6:coauthVersionLast="45" xr6:coauthVersionMax="45" xr10:uidLastSave="{00000000-0000-0000-0000-000000000000}"/>
  <bookViews>
    <workbookView xWindow="-110" yWindow="-110" windowWidth="19420" windowHeight="10420" xr2:uid="{00000000-000D-0000-FFFF-FFFF00000000}"/>
  </bookViews>
  <sheets>
    <sheet name="Doc. 3" sheetId="1" r:id="rId1"/>
  </sheets>
  <definedNames>
    <definedName name="_xlnm.Print_Titles" localSheetId="0">'Doc. 3'!$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tc={E10E6196-E4D8-4729-8913-6327DB073564}</author>
  </authors>
  <commentList>
    <comment ref="G19" authorId="0" shapeId="0" xr:uid="{E10E6196-E4D8-4729-8913-6327DB073564}">
      <text>
        <t>[Commento in thread]
La versione di Excel in uso consente di leggere questo commento in thread, ma tutte le modifiche a esso apportate verranno rimosse se il file viene aperto in una versione più recente di Excel. Ulteriori informazioni: https://go.microsoft.com/fwlink/?linkid=870924
Commento:
E' una certificazione molto valida sia per i prerequisiti sia per i requisiti richiesti</t>
      </text>
    </comment>
  </commentList>
</comments>
</file>

<file path=xl/sharedStrings.xml><?xml version="1.0" encoding="utf-8"?>
<sst xmlns="http://schemas.openxmlformats.org/spreadsheetml/2006/main" count="82" uniqueCount="79">
  <si>
    <t>Punteggio massimo</t>
  </si>
  <si>
    <t>Sottoparametri Tecnici</t>
  </si>
  <si>
    <t>Criterio di valutazione</t>
  </si>
  <si>
    <t>Macro Criterio</t>
  </si>
  <si>
    <t>Criterio</t>
  </si>
  <si>
    <t xml:space="preserve">1.1. Modello organizzativo di gestione del servizio con indicazione delle modalità di rifornimento dei distributori, avendo riguardo sia alla tempistica, sia all’organizzazione degli stessi, con indicazioni di eventuali soluzioni tecnologiche innovative </t>
  </si>
  <si>
    <t>1.1.A</t>
  </si>
  <si>
    <t>Tempistica di rifornimento su base settimanale (giorni)</t>
  </si>
  <si>
    <t>1.1.B</t>
  </si>
  <si>
    <t>1.1.C</t>
  </si>
  <si>
    <t>Soluzioni tecnologiche adottate per il controllo da remoto dei rifornimenti</t>
  </si>
  <si>
    <t>SLA di intervento, a fronte di richiesta di fornitura su mancata presenza di prodotti (ore)</t>
  </si>
  <si>
    <t>1.2. Programma di manutenzione preventiva e modalità di gestione della manutenzione di tipo correttivo e di assistenza tecnica</t>
  </si>
  <si>
    <t>1.2.A</t>
  </si>
  <si>
    <t xml:space="preserve">Soluzioni tecnologiche adottate per il controllo da remoto dei guasti </t>
  </si>
  <si>
    <t>1.2.B</t>
  </si>
  <si>
    <t>Tempistiche di intervento e ripristino della funzionalità del distributore (ore)</t>
  </si>
  <si>
    <t>1.3. Organizzazione e gestione sanificazione dei distributori automatici, con indicazione delle modalità di controllo e verifica degli interventi effettuati</t>
  </si>
  <si>
    <t>1.3.A</t>
  </si>
  <si>
    <t xml:space="preserve">Soluzioni tecnologiche per verifica da remoto degli interventi di pulizia effettuati dagli operatori  </t>
  </si>
  <si>
    <t>1.4. Localizzazione dei magazzini di partenza</t>
  </si>
  <si>
    <t>1.4.A</t>
  </si>
  <si>
    <t>Distanza rispetto al/ai luogo/luoghi di esecuzione del servizio</t>
  </si>
  <si>
    <t>Indicazione sulla metodologia applicata alle macchine</t>
  </si>
  <si>
    <t>Consumo energetico annuo del/dei distributori</t>
  </si>
  <si>
    <t>Certificazione di qualità- UNI ISO</t>
  </si>
  <si>
    <t>Certificazione TQS Vending</t>
  </si>
  <si>
    <t>3.1 Varietà bevande calde, oltre a quelle già previste come forniture obbligatorie</t>
  </si>
  <si>
    <t>3.2 Varietà bevande fredde, snack dolci, snack salati, prodotti freschi, prodotti c.d food, oltre a quelle già previste come forniture obbligatorie</t>
  </si>
  <si>
    <t>3.3 Incremento di prodotti per diabetici (senza zucchero) ed intolleranti alimentari (senza lattosio, etc.), oltre a quelli già previsti come forniture obbligatorie</t>
  </si>
  <si>
    <t>3.1.A</t>
  </si>
  <si>
    <t>3.2.A</t>
  </si>
  <si>
    <t>3.3.A</t>
  </si>
  <si>
    <t>Varietà bevande calde</t>
  </si>
  <si>
    <t>Varietà bevande fredde, snack, etc</t>
  </si>
  <si>
    <t>Incremento di prodotti per diabetici (senza zucchero) ed intolleranti alimentari</t>
  </si>
  <si>
    <t>Risposta offerta tecnica</t>
  </si>
  <si>
    <t>soluzioni tecnologiche per verifica da remoto degli interventi di pulizia effettuati dagli operatori  
ON/OFF (con relazione/documentazione accessoria)
Al concorrente, la cui soluzione tecnologica offerta consenta la verifica da remoto degli interventi di pulizia effettuati dagli operatori , verranno attribuiti 1,00 punti;
Al concorrente, la cui soluzione tecnologica offerta NON consenta la verifica da remoto degli interventi di pulizia effettuati dagli operatori , verranno attribuiti 0,00 punti.</t>
  </si>
  <si>
    <t>1 gg</t>
  </si>
  <si>
    <t>2 gg</t>
  </si>
  <si>
    <t>3 gg</t>
  </si>
  <si>
    <t>tempistica di rifornimento dei distributori automatici su tutti i sedimi aeroportuali, rispetto a 1 gg (una volta) alla settimana come disciplinato da Capitolato di Gara:
Al concorrente che offre come tempi di rifornimento :
 -  tempistiche equipollenti a quelle da capitolato, pari  a 1 gg, verranno attribuiti 0,00 punti;
 - tempistiche pari  a 2 gg verranno attribuiti 2 punti;
 - tempistiche pari  a 3 gg verranno attribuiti 4,00 punti</t>
  </si>
  <si>
    <t>soluzioni tecnologiche adottate per il controllo da remoto dei rifornimenti
ON/OFF (con relazione/documentazione accessoria)
Al concorrente, la cui soluzione tecnologica offerta consenta il controllo da remoto dei rifornimenti, verranno attribuiti 2,00 punti.
Al concorrente, la cui soluzione tecnologica offerta NON consenta il controllo da remoto dei riforniment, verranno attribuiti 0,00 punti.</t>
  </si>
  <si>
    <t>interventi di fornitura su mancata presenza di prodotti rispetto/entro le 12 ore consecutive dalla chiamata per disservizio;
Al concorrente che offre come miglioria rispetto agli SLA di intervento :
 - tempistiche uguali al capitolato, pari a 12 ore consecutive,  verranno attribuiti 0,00 punti;
 - tempistiche pari  a 8 ore consecutive  verranno attribuiti 2,00 punti;
 - tempistiche pari  a 6 ore consecutive  verranno attribuiti 4,00 punti;</t>
  </si>
  <si>
    <t>soluzioni tecnologiche adottate per il controllo da remoto dei guasti; 
ON/OFF (con relazione/documentazione accessoria)
Al concorrente, la cui soluzione tecnologica offerta consenta il controllo da remoto dei guasti, verranno attribuiti 1,00 punti;
Al concorrente, la cui soluzione tecnologica offerta NON consenta il controllo da remoto dei guasti, verranno attribuiti 0,00 punti.</t>
  </si>
  <si>
    <t>intervento e ripristino della piena funzionalità del distributore non funzionante entro 12 ore solari dalla chiamata;
Al concorrente che offre come miglioria rispetto agli SLA di intervento :
 - tempistiche uguali al capitolato, pari a 12 ore consecutive,  verranno attribuiti 0,00 punti;
 - tempistiche pari  a 8 ore consecutive  verranno attribuiti 2,00 punti;
 - tempistiche pari  a 6 ore consecutive  verranno attribuiti 4,00 punti;</t>
  </si>
  <si>
    <t>Consumo energetico annuo del/dei distributori - Consumo energetico dichiarato sulla scheda tecnica delle macchine migliorativo rispetto a quello indicato in Capitolato  il concessionario è obbligato a dichiararlo exante e a fornire la scheda tecnica
Al concorrente che offre come miglioria rispetto al livello minimo di consumo energetico annuo dichiarato in Capitolato :
 - uguale al consumo energetico pari a 2800kwh del capitolato  verranno attribuiti 0,00 punti;
 - per consumi pari &gt; 2600 kwh &lt; 2800kwh e  verranno attribuiti 2,00 punti;
 - per consumi  &lt; = 2600 kwh e  verranno attribuiti 4,00 punti;</t>
  </si>
  <si>
    <t>2.4.A</t>
  </si>
  <si>
    <t>2.5.A</t>
  </si>
  <si>
    <t>Doc. 3 Offerta Tecnica Distributori Automatici (compilazione dell'offerta Tecnica riferita ai SOLI parametri tecnici quantitativi)*</t>
  </si>
  <si>
    <t>12 ore consecutive</t>
  </si>
  <si>
    <t>8 ore consecutive</t>
  </si>
  <si>
    <t>6 ore consecutive</t>
  </si>
  <si>
    <t>inferiore a 30 km</t>
  </si>
  <si>
    <t>tra 30 km a 70 km</t>
  </si>
  <si>
    <t>maggiore di 70 km</t>
  </si>
  <si>
    <t>Distanza rispetto al/ai luogo/luoghi di esecuzione del servizio (almeno uno dei due sedimi):
Localizzazione dei magazzini di partenza, loro distanza rispetto al luogo di esecuzione del servizio = allegando documentazione tecnica a comprova del requisito migliorativo selezionato:
 - inferiore a 30 km  = punti 4,00;
 - tra 30 km a 70 km = punti 2,00;
-  maggiore di 70 km = punti 0,00.</t>
  </si>
  <si>
    <t>2800kwh</t>
  </si>
  <si>
    <t xml:space="preserve"> &gt; 2600 kwh &lt; 2800kwh </t>
  </si>
  <si>
    <t xml:space="preserve"> &lt; = 2600 kwh </t>
  </si>
  <si>
    <t>1 prodotto</t>
  </si>
  <si>
    <t>2 prodotti</t>
  </si>
  <si>
    <t>&gt; 2 prodotti</t>
  </si>
  <si>
    <t>uguali al capitolato</t>
  </si>
  <si>
    <t>3 prodotti</t>
  </si>
  <si>
    <t>&gt; 3 prodotti</t>
  </si>
  <si>
    <t>* Per i restanti parametri Tecnici "qualitativi" si rimanda alle istruzioni di formlazione dell'Offerta Tecnica indicati nel Doc. 3.1) per i quali il Concorrente è tenuto obbligatoriamente a predisporre  ad allegare in sede di Offerta Tecnica, apposita relazione tecnica di dettaglio in pdf secondo le modalità ivi disciplinate</t>
  </si>
  <si>
    <t>2.1. Diversificazione sistemi di pagamento, oltre a quelli già previsti come requisiti minimi</t>
  </si>
  <si>
    <t>2.1.A</t>
  </si>
  <si>
    <t>2.3 Consumo energetico</t>
  </si>
  <si>
    <t>2.3.A</t>
  </si>
  <si>
    <t>2.4 Certificazioni di qualità- UNI ISO</t>
  </si>
  <si>
    <t>2.5. Certificazione TQS Vending</t>
  </si>
  <si>
    <t>Indicazione sulla metodologia applicata alle macchine relativo al sistema du diversificazione sistemi di pagamento, oltre a quelli già previsti come requisiti minimi.
ON/OFF (con relazione/documentazione accessoria)
Al concorrente, la cui soluzione tecnologica offerta consenta inclusione di sistemi diversificati di pagamento in più rispetto a quanto indicato in Capitolato, verranno attribuiti 4,00 punti;
Al concorrente, la cui soluzione tecnologica offerta NON consenta inclusione di sistemi diversificati di pagamento in più rispetto a quanto indicato in Capitolato, verranno attribuiti 0,00 punti.</t>
  </si>
  <si>
    <t>Certificazione di qualità- UNI ISO 9001 :2015 
ON/OFF (fornire copia della certificazione in corso di validità)
Al concorrente, in possesso della certificazione UNI ISO 9001: 2015 o equivalenti e s.m.i. , verranno attribuiti 2,00 punti;
Al concorrente NON in possesso della certificazione UNI ISO 9001: 2015 o equivalenti e s.m.i., verranno attribuiti 0,00 punti.</t>
  </si>
  <si>
    <t>Certificazione TQS Vending
ON/OFF (fornire copia della certificazione in corso di validità)
Al concorrente, in possesso della  Certificazione TQS Vending , verranno attribuiti 2,00 punti;
Al concorrente NON in possesso della Certificazione TQS Vending, verranno attribuiti 0,00 punti.</t>
  </si>
  <si>
    <t>varietà bevande calde, oltre a quelle già previste come forniture obbligatorie da Capitolato per il Gruppo A come indicato in Capitolato. 
 - se il concorrente dichiara il numero di prodotti per bevande calde equivalenti a quelle  proposte, come da Capitolato, verranno attribuiti 0,00 punti;
 - se il concorrente dichiara prodotti per bevande calde, oltre a quelli di Capitolato, pari a 1 verranno attribuiti 2,00 punti;
 - se il concorrente dichiara prodotti per bevande calde, oltre a quelli di Capitolato, pari a 2 verranno attribuiti 4,00 punti;
 - se il concorrente dichiara prodotti per bevande calde, oltre a quelli di Capitolato, superiori a 2 verranno attribuiti 6,00 punti;</t>
  </si>
  <si>
    <t>Varietà bevande fredde, snack dolci, snack salati, prodotti freschi, prodotti c.d food, oltre a quelle già previste come forniture obbligatorie per i Gruppi B, C, D di Capitolato.
 - se il concorrente dichiara il numero di prodotti per bevande fredde, snack dolci e salati, prodotti freschi come da Capitolato, verranno attribuiti 0,00 punti;
 - se il concorrente dichiara 1 prodotto in più, indipendenetemente dal Gruppo di riferimento sopra citato, (i.e.bevande fredde, snack, , prodotti freschi) oltre a quelli di Capitolato, verranno attribuiti 1,00 punti;se il concorrente dichiara 2 prodotti in più, indipendenetemente dal Gruppo di riferimento sopra citato, (i.e.bevande fredde, snack, , prodotti freschi) oltre a quelli di Capitolato,  verranno attribuiti 2,00 punti;
 - se il concorrente dichiara 3 prodotti in più, indipendenetemente dal Gruppo di riferimento sopra citato, (i.e.bevande fredde, snack, , prodotti freschi) oltre a quelli di Capitolato,  verranno attribuiti 4,00 punti;
 - se il concorrente dichiara un numero di prodotti superiori a 3, indipendenetemente dal Gruppo di riferimento sopra citato, (i.e.bevande fredde, snack, , prodotti freschi) oltre a quelli di Capitolato,  verranno attribuiti 6,00 punti;</t>
  </si>
  <si>
    <t>incremento di prodotti per diabetici (senza zucchero) ed intolleranti alimentari (senza lattosio, etc.), oltre a quelli già previsti da Capitolato:
 - se il concorrente dichiara 1 prodotto in più, indipendenetemente se per diabetici (senza zucchero) ed intolleranti alimentari (senza lattosio, etc.),  oltre a quelli di Capitolato, verranno attribuiti 1,00 punti;
 - se il concorrente dichiara 2 prodotti in più, indipendenetemente se per diabetici (senza zucchero) ed intolleranti alimentari (senza lattosio, etc.),  oltre a quelli di Capitolato, verranno attribuiti 2,00 punti;
 - se il concorrente dichiara 3 prodotti in più, indipendenetemente se per diabetici (senza zucchero) ed intolleranti alimentari (senza lattosio, etc.),  oltre a quelli di Capitolato, verranno attribuiti 4,00 punti;
 - se il concorrente dichiara prodotti superiori a 3, indipendenetemente se per diabetici (senza zucchero) ed intolleranti alimentari (senza lattosio, etc.),  oltre a quelli di Capitolato, verranno attribuiti 6,00 punt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scheme val="minor"/>
    </font>
    <font>
      <b/>
      <sz val="20"/>
      <color theme="1" tint="0.249977111117893"/>
      <name val="Calibri"/>
      <family val="2"/>
      <scheme val="minor"/>
    </font>
    <font>
      <sz val="10"/>
      <color theme="1"/>
      <name val="Arial"/>
      <family val="2"/>
    </font>
    <font>
      <sz val="8"/>
      <color theme="1"/>
      <name val="Arial"/>
      <family val="2"/>
    </font>
    <font>
      <b/>
      <sz val="9"/>
      <color theme="1"/>
      <name val="Arial"/>
      <family val="2"/>
    </font>
    <font>
      <b/>
      <sz val="8"/>
      <color theme="1"/>
      <name val="Arial"/>
      <family val="2"/>
    </font>
    <font>
      <i/>
      <sz val="11"/>
      <color theme="1"/>
      <name val="Calibri"/>
      <family val="2"/>
      <scheme val="minor"/>
    </font>
    <font>
      <sz val="11"/>
      <color rgb="FF000000"/>
      <name val="Times New Roman"/>
      <family val="1"/>
    </font>
    <font>
      <sz val="8"/>
      <color rgb="FF000000"/>
      <name val="Arial"/>
      <family val="2"/>
    </font>
    <font>
      <b/>
      <sz val="11"/>
      <color theme="0"/>
      <name val="Calibri"/>
      <family val="2"/>
      <scheme val="minor"/>
    </font>
    <font>
      <sz val="11"/>
      <color theme="0"/>
      <name val="Calibri"/>
      <family val="2"/>
      <scheme val="minor"/>
    </font>
    <font>
      <b/>
      <sz val="18"/>
      <color theme="1"/>
      <name val="Arial"/>
      <family val="2"/>
    </font>
    <font>
      <sz val="11"/>
      <name val="Calibri"/>
      <family val="2"/>
      <scheme val="minor"/>
    </font>
    <font>
      <sz val="8"/>
      <name val="Arial"/>
      <family val="2"/>
    </font>
  </fonts>
  <fills count="6">
    <fill>
      <patternFill patternType="none"/>
    </fill>
    <fill>
      <patternFill patternType="gray125"/>
    </fill>
    <fill>
      <patternFill patternType="solid">
        <fgColor theme="0" tint="-0.14999847407452621"/>
        <bgColor indexed="64"/>
      </patternFill>
    </fill>
    <fill>
      <patternFill patternType="solid">
        <fgColor rgb="FFFFFF00"/>
        <bgColor indexed="64"/>
      </patternFill>
    </fill>
    <fill>
      <patternFill patternType="solid">
        <fgColor theme="0"/>
        <bgColor indexed="64"/>
      </patternFill>
    </fill>
    <fill>
      <patternFill patternType="solid">
        <fgColor theme="4" tint="0.79998168889431442"/>
        <bgColor indexed="64"/>
      </patternFill>
    </fill>
  </fills>
  <borders count="2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auto="1"/>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medium">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auto="1"/>
      </top>
      <bottom style="medium">
        <color indexed="64"/>
      </bottom>
      <diagonal/>
    </border>
  </borders>
  <cellStyleXfs count="2">
    <xf numFmtId="0" fontId="0" fillId="0" borderId="0"/>
    <xf numFmtId="0" fontId="2" fillId="0" borderId="0"/>
  </cellStyleXfs>
  <cellXfs count="67">
    <xf numFmtId="0" fontId="0" fillId="0" borderId="0" xfId="0"/>
    <xf numFmtId="0" fontId="3" fillId="4" borderId="10" xfId="1" applyFont="1" applyFill="1" applyBorder="1" applyAlignment="1">
      <alignment horizontal="center" vertical="center" wrapText="1"/>
    </xf>
    <xf numFmtId="0" fontId="3" fillId="4" borderId="10" xfId="1" applyFont="1" applyFill="1" applyBorder="1" applyAlignment="1">
      <alignment horizontal="left" vertical="center" wrapText="1"/>
    </xf>
    <xf numFmtId="0" fontId="3" fillId="4" borderId="13" xfId="1" applyFont="1" applyFill="1" applyBorder="1" applyAlignment="1">
      <alignment horizontal="left" vertical="center" wrapText="1"/>
    </xf>
    <xf numFmtId="0" fontId="3" fillId="4" borderId="1" xfId="1" applyFont="1" applyFill="1" applyBorder="1" applyAlignment="1">
      <alignment horizontal="center" vertical="center" wrapText="1"/>
    </xf>
    <xf numFmtId="2" fontId="3" fillId="0" borderId="1" xfId="1" applyNumberFormat="1" applyFont="1" applyBorder="1" applyAlignment="1">
      <alignment horizontal="center" vertical="center" wrapText="1"/>
    </xf>
    <xf numFmtId="0" fontId="3" fillId="4" borderId="1" xfId="1" applyFont="1" applyFill="1" applyBorder="1" applyAlignment="1">
      <alignment horizontal="left" vertical="center" wrapText="1"/>
    </xf>
    <xf numFmtId="2" fontId="3" fillId="0" borderId="23" xfId="1" applyNumberFormat="1" applyFont="1" applyBorder="1" applyAlignment="1">
      <alignment horizontal="center" vertical="center" wrapText="1"/>
    </xf>
    <xf numFmtId="0" fontId="3" fillId="4" borderId="15" xfId="1" applyFont="1" applyFill="1" applyBorder="1" applyAlignment="1">
      <alignment horizontal="center" vertical="center" wrapText="1"/>
    </xf>
    <xf numFmtId="0" fontId="3" fillId="0" borderId="22" xfId="1" applyFont="1" applyFill="1" applyBorder="1" applyAlignment="1">
      <alignment horizontal="center" vertical="center" wrapText="1"/>
    </xf>
    <xf numFmtId="0" fontId="7" fillId="0" borderId="15" xfId="0" applyFont="1" applyBorder="1" applyAlignment="1">
      <alignment horizontal="center" vertical="center" wrapText="1"/>
    </xf>
    <xf numFmtId="2" fontId="3" fillId="0" borderId="15" xfId="1" applyNumberFormat="1" applyFont="1" applyBorder="1" applyAlignment="1">
      <alignment horizontal="center" vertical="center" wrapText="1"/>
    </xf>
    <xf numFmtId="0" fontId="3" fillId="4" borderId="15" xfId="1" applyFont="1" applyFill="1" applyBorder="1" applyAlignment="1">
      <alignment horizontal="left" vertical="center" wrapText="1"/>
    </xf>
    <xf numFmtId="0" fontId="8" fillId="0" borderId="1" xfId="0" applyFont="1" applyBorder="1" applyAlignment="1">
      <alignment horizontal="center" vertical="center" wrapText="1"/>
    </xf>
    <xf numFmtId="0" fontId="8" fillId="0" borderId="15" xfId="0" applyFont="1" applyBorder="1" applyAlignment="1">
      <alignment horizontal="center" vertical="center" wrapText="1"/>
    </xf>
    <xf numFmtId="0" fontId="3" fillId="0" borderId="1" xfId="1" applyFont="1" applyFill="1" applyBorder="1" applyAlignment="1">
      <alignment horizontal="center" vertical="center" wrapText="1"/>
    </xf>
    <xf numFmtId="2" fontId="3" fillId="0" borderId="10" xfId="1" applyNumberFormat="1" applyFont="1" applyBorder="1" applyAlignment="1">
      <alignment horizontal="center" vertical="center" wrapText="1"/>
    </xf>
    <xf numFmtId="0" fontId="3" fillId="0" borderId="16" xfId="1" applyFont="1" applyFill="1" applyBorder="1" applyAlignment="1">
      <alignment horizontal="center" vertical="center" wrapText="1"/>
    </xf>
    <xf numFmtId="0" fontId="8" fillId="0" borderId="13" xfId="0" applyFont="1" applyBorder="1" applyAlignment="1">
      <alignment horizontal="center" vertical="center" wrapText="1"/>
    </xf>
    <xf numFmtId="2" fontId="3" fillId="0" borderId="13" xfId="1" applyNumberFormat="1" applyFont="1" applyBorder="1" applyAlignment="1">
      <alignment horizontal="center" vertical="center" wrapText="1"/>
    </xf>
    <xf numFmtId="0" fontId="3" fillId="0" borderId="10" xfId="1" applyFont="1" applyFill="1" applyBorder="1" applyAlignment="1">
      <alignment horizontal="center" vertical="center" wrapText="1"/>
    </xf>
    <xf numFmtId="0" fontId="8" fillId="0" borderId="2" xfId="0" applyFont="1" applyBorder="1" applyAlignment="1">
      <alignment horizontal="center" vertical="center" wrapText="1"/>
    </xf>
    <xf numFmtId="2" fontId="3" fillId="0" borderId="2" xfId="1" applyNumberFormat="1" applyFont="1" applyBorder="1" applyAlignment="1">
      <alignment horizontal="center" vertical="center" wrapText="1"/>
    </xf>
    <xf numFmtId="0" fontId="3" fillId="4" borderId="2" xfId="1" applyFont="1" applyFill="1" applyBorder="1" applyAlignment="1">
      <alignment horizontal="left" vertical="center" wrapText="1"/>
    </xf>
    <xf numFmtId="0" fontId="3" fillId="0" borderId="13" xfId="1" applyFont="1" applyFill="1" applyBorder="1" applyAlignment="1">
      <alignment horizontal="center" vertical="center" wrapText="1"/>
    </xf>
    <xf numFmtId="0" fontId="7" fillId="0" borderId="2" xfId="0" applyFont="1" applyBorder="1" applyAlignment="1">
      <alignment horizontal="center" vertical="center" wrapText="1"/>
    </xf>
    <xf numFmtId="0" fontId="7" fillId="0" borderId="13" xfId="0" applyFont="1" applyBorder="1" applyAlignment="1">
      <alignment horizontal="center" vertical="center" wrapText="1"/>
    </xf>
    <xf numFmtId="0" fontId="3" fillId="4" borderId="27" xfId="1" applyFont="1" applyFill="1" applyBorder="1" applyAlignment="1">
      <alignment horizontal="left" vertical="center" wrapText="1"/>
    </xf>
    <xf numFmtId="0" fontId="9" fillId="0" borderId="0" xfId="0" applyFont="1" applyAlignment="1">
      <alignment vertical="center"/>
    </xf>
    <xf numFmtId="2" fontId="11" fillId="5" borderId="11" xfId="1" applyNumberFormat="1" applyFont="1" applyFill="1" applyBorder="1" applyAlignment="1" applyProtection="1">
      <alignment horizontal="center" vertical="center" wrapText="1"/>
      <protection locked="0" hidden="1"/>
    </xf>
    <xf numFmtId="2" fontId="11" fillId="5" borderId="25" xfId="1" applyNumberFormat="1" applyFont="1" applyFill="1" applyBorder="1" applyAlignment="1" applyProtection="1">
      <alignment horizontal="center" vertical="center" wrapText="1"/>
      <protection locked="0" hidden="1"/>
    </xf>
    <xf numFmtId="2" fontId="11" fillId="5" borderId="14" xfId="1" applyNumberFormat="1" applyFont="1" applyFill="1" applyBorder="1" applyAlignment="1" applyProtection="1">
      <alignment horizontal="center" vertical="center" wrapText="1"/>
      <protection locked="0" hidden="1"/>
    </xf>
    <xf numFmtId="2" fontId="11" fillId="5" borderId="26" xfId="1" applyNumberFormat="1" applyFont="1" applyFill="1" applyBorder="1" applyAlignment="1" applyProtection="1">
      <alignment horizontal="center" vertical="center" wrapText="1"/>
      <protection locked="0" hidden="1"/>
    </xf>
    <xf numFmtId="2" fontId="11" fillId="5" borderId="21" xfId="1" applyNumberFormat="1" applyFont="1" applyFill="1" applyBorder="1" applyAlignment="1" applyProtection="1">
      <alignment horizontal="center" vertical="center" wrapText="1"/>
      <protection locked="0" hidden="1"/>
    </xf>
    <xf numFmtId="0" fontId="12" fillId="0" borderId="0" xfId="0" applyFont="1"/>
    <xf numFmtId="0" fontId="13" fillId="0" borderId="0" xfId="1" applyFont="1" applyAlignment="1">
      <alignment horizontal="left" wrapText="1"/>
    </xf>
    <xf numFmtId="0" fontId="12" fillId="0" borderId="0" xfId="0" applyFont="1" applyAlignment="1"/>
    <xf numFmtId="0" fontId="10" fillId="0" borderId="0" xfId="0" applyFont="1"/>
    <xf numFmtId="0" fontId="6" fillId="0" borderId="0" xfId="0" applyFont="1" applyAlignment="1">
      <alignment horizontal="center" vertical="center" wrapText="1"/>
    </xf>
    <xf numFmtId="0" fontId="4" fillId="3" borderId="11" xfId="1" applyFont="1" applyFill="1" applyBorder="1" applyAlignment="1">
      <alignment horizontal="center" vertical="center" wrapText="1"/>
    </xf>
    <xf numFmtId="0" fontId="4" fillId="3" borderId="14" xfId="1" applyFont="1" applyFill="1" applyBorder="1" applyAlignment="1">
      <alignment horizontal="center" vertical="center" wrapText="1"/>
    </xf>
    <xf numFmtId="0" fontId="1" fillId="0" borderId="3" xfId="0" applyFont="1" applyBorder="1" applyAlignment="1">
      <alignment horizontal="center" vertical="center" wrapText="1"/>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7" xfId="0" applyFont="1" applyBorder="1" applyAlignment="1">
      <alignment horizontal="center" vertical="center" wrapText="1"/>
    </xf>
    <xf numFmtId="0" fontId="1" fillId="0" borderId="8" xfId="0" applyFont="1" applyBorder="1" applyAlignment="1">
      <alignment horizontal="center" vertical="center" wrapText="1"/>
    </xf>
    <xf numFmtId="0" fontId="4" fillId="2" borderId="9" xfId="1" applyFont="1" applyFill="1" applyBorder="1" applyAlignment="1">
      <alignment horizontal="center" vertical="center" wrapText="1"/>
    </xf>
    <xf numFmtId="0" fontId="4" fillId="2" borderId="12" xfId="1" applyFont="1" applyFill="1" applyBorder="1" applyAlignment="1">
      <alignment horizontal="center" vertical="center" wrapText="1"/>
    </xf>
    <xf numFmtId="0" fontId="4" fillId="2" borderId="10"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3" fillId="0" borderId="9" xfId="1" applyFont="1" applyFill="1" applyBorder="1" applyAlignment="1">
      <alignment horizontal="center" vertical="center" wrapText="1"/>
    </xf>
    <xf numFmtId="0" fontId="3" fillId="0" borderId="24" xfId="1" applyFont="1" applyFill="1" applyBorder="1" applyAlignment="1">
      <alignment horizontal="center" vertical="center" wrapText="1"/>
    </xf>
    <xf numFmtId="0" fontId="3" fillId="0" borderId="12" xfId="1" applyFont="1" applyFill="1" applyBorder="1" applyAlignment="1">
      <alignment horizontal="center" vertical="center" wrapText="1"/>
    </xf>
    <xf numFmtId="0" fontId="4" fillId="3" borderId="17" xfId="1" applyFont="1" applyFill="1" applyBorder="1" applyAlignment="1">
      <alignment horizontal="center" vertical="center" wrapText="1"/>
    </xf>
    <xf numFmtId="0" fontId="4" fillId="3" borderId="18" xfId="1" applyFont="1" applyFill="1" applyBorder="1" applyAlignment="1">
      <alignment horizontal="center" vertical="center" wrapText="1"/>
    </xf>
    <xf numFmtId="0" fontId="4" fillId="3" borderId="19" xfId="1" applyFont="1" applyFill="1" applyBorder="1" applyAlignment="1">
      <alignment horizontal="center" vertical="center" wrapText="1"/>
    </xf>
    <xf numFmtId="0" fontId="4" fillId="3" borderId="20" xfId="1" applyFont="1" applyFill="1" applyBorder="1" applyAlignment="1">
      <alignment horizontal="center" vertical="center" wrapText="1"/>
    </xf>
    <xf numFmtId="0" fontId="3" fillId="0" borderId="10" xfId="1" applyFont="1" applyFill="1" applyBorder="1" applyAlignment="1">
      <alignment horizontal="center" vertical="center" wrapText="1"/>
    </xf>
    <xf numFmtId="0" fontId="3" fillId="0" borderId="1" xfId="1" applyFont="1" applyFill="1" applyBorder="1" applyAlignment="1">
      <alignment horizontal="center" vertical="center" wrapText="1"/>
    </xf>
    <xf numFmtId="0" fontId="3" fillId="4" borderId="1" xfId="1" applyFont="1" applyFill="1" applyBorder="1" applyAlignment="1">
      <alignment horizontal="center" vertical="center" wrapText="1"/>
    </xf>
    <xf numFmtId="0" fontId="5" fillId="0" borderId="9" xfId="1" applyFont="1" applyBorder="1" applyAlignment="1">
      <alignment horizontal="center" vertical="center" wrapText="1"/>
    </xf>
    <xf numFmtId="0" fontId="5" fillId="0" borderId="24" xfId="1" applyFont="1" applyBorder="1" applyAlignment="1">
      <alignment horizontal="center" vertical="center" wrapText="1"/>
    </xf>
    <xf numFmtId="0" fontId="5" fillId="0" borderId="12" xfId="1" applyFont="1" applyBorder="1" applyAlignment="1">
      <alignment horizontal="center" vertical="center" wrapText="1"/>
    </xf>
    <xf numFmtId="0" fontId="5" fillId="0" borderId="9" xfId="1" applyFont="1" applyFill="1" applyBorder="1" applyAlignment="1">
      <alignment horizontal="center" vertical="center" wrapText="1"/>
    </xf>
    <xf numFmtId="0" fontId="5" fillId="0" borderId="24" xfId="1" applyFont="1" applyFill="1" applyBorder="1" applyAlignment="1">
      <alignment horizontal="center" vertical="center" wrapText="1"/>
    </xf>
    <xf numFmtId="0" fontId="5" fillId="0" borderId="12" xfId="1" applyFont="1" applyFill="1" applyBorder="1" applyAlignment="1">
      <alignment horizontal="center" vertical="center" wrapText="1"/>
    </xf>
  </cellXfs>
  <cellStyles count="2">
    <cellStyle name="Normal 2" xfId="1" xr:uid="{00000000-0005-0000-0000-000000000000}"/>
    <cellStyle name="Normale"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microsoft.com/office/2017/10/relationships/person" Target="persons/perso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1</xdr:row>
      <xdr:rowOff>0</xdr:rowOff>
    </xdr:from>
    <xdr:to>
      <xdr:col>1</xdr:col>
      <xdr:colOff>418160</xdr:colOff>
      <xdr:row>2</xdr:row>
      <xdr:rowOff>466724</xdr:rowOff>
    </xdr:to>
    <xdr:pic>
      <xdr:nvPicPr>
        <xdr:cNvPr id="2" name="Immagine 1" descr="http://ecosistemacargomalpensa.seamilano.eu/includes/img/logo-partner-sea.png">
          <a:extLst>
            <a:ext uri="{FF2B5EF4-FFF2-40B4-BE49-F238E27FC236}">
              <a16:creationId xmlns:a16="http://schemas.microsoft.com/office/drawing/2014/main" id="{00000000-0008-0000-0000-000002000000}"/>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34601" r="42966"/>
        <a:stretch/>
      </xdr:blipFill>
      <xdr:spPr bwMode="auto">
        <a:xfrm>
          <a:off x="0" y="0"/>
          <a:ext cx="713435" cy="6572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7</xdr:col>
      <xdr:colOff>374650</xdr:colOff>
      <xdr:row>3</xdr:row>
      <xdr:rowOff>130175</xdr:rowOff>
    </xdr:from>
    <xdr:to>
      <xdr:col>7</xdr:col>
      <xdr:colOff>917575</xdr:colOff>
      <xdr:row>5</xdr:row>
      <xdr:rowOff>109009</xdr:rowOff>
    </xdr:to>
    <xdr:sp macro="" textlink="">
      <xdr:nvSpPr>
        <xdr:cNvPr id="3" name="Freccia in giù 2">
          <a:extLst>
            <a:ext uri="{FF2B5EF4-FFF2-40B4-BE49-F238E27FC236}">
              <a16:creationId xmlns:a16="http://schemas.microsoft.com/office/drawing/2014/main" id="{7ED3EEB8-A6D6-48A3-81E8-4795E24AB28D}"/>
            </a:ext>
          </a:extLst>
        </xdr:cNvPr>
        <xdr:cNvSpPr/>
      </xdr:nvSpPr>
      <xdr:spPr>
        <a:xfrm>
          <a:off x="11080750" y="1184275"/>
          <a:ext cx="542925" cy="359834"/>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it-IT" sz="1100"/>
        </a:p>
      </xdr:txBody>
    </xdr:sp>
    <xdr:clientData/>
  </xdr:twoCellAnchor>
</xdr:wsDr>
</file>

<file path=xl/persons/person.xml><?xml version="1.0" encoding="utf-8"?>
<personList xmlns="http://schemas.microsoft.com/office/spreadsheetml/2018/threadedcomments" xmlns:x="http://schemas.openxmlformats.org/spreadsheetml/2006/main">
  <person displayName="Liccati Orietta" id="{69CFA46F-2875-4361-92A9-8C27112B71CA}" userId="S::S026376@seamilano.eu::59c92369-f1ac-4a19-bac1-b3a5b06b44a8" providerId="AD"/>
</personList>
</file>

<file path=xl/theme/theme1.xml><?xml version="1.0" encoding="utf-8"?>
<a:theme xmlns:a="http://schemas.openxmlformats.org/drawingml/2006/main" name="Tema di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threadedComments/threadedComment1.xml><?xml version="1.0" encoding="utf-8"?>
<ThreadedComments xmlns="http://schemas.microsoft.com/office/spreadsheetml/2018/threadedcomments" xmlns:x="http://schemas.openxmlformats.org/spreadsheetml/2006/main">
  <threadedComment ref="G19" dT="2021-04-12T14:21:26.12" personId="{69CFA46F-2875-4361-92A9-8C27112B71CA}" id="{E10E6196-E4D8-4729-8913-6327DB073564}">
    <text>E' una certificazione molto valida sia per i prerequisiti sia per i requisiti richiesti</text>
  </threadedComment>
</ThreadedComments>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microsoft.com/office/2017/10/relationships/threadedComment" Target="../threadedComments/threadedComment1.xml"/><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Y24"/>
  <sheetViews>
    <sheetView showGridLines="0" tabSelected="1" zoomScale="76" zoomScaleNormal="76" zoomScaleSheetLayoutView="30" workbookViewId="0">
      <pane xSplit="3" ySplit="8" topLeftCell="D22" activePane="bottomRight" state="frozen"/>
      <selection pane="topRight" activeCell="D1" sqref="D1"/>
      <selection pane="bottomLeft" activeCell="A9" sqref="A9"/>
      <selection pane="bottomRight" activeCell="G22" sqref="G22"/>
    </sheetView>
  </sheetViews>
  <sheetFormatPr defaultRowHeight="14.5" x14ac:dyDescent="0.35"/>
  <cols>
    <col min="1" max="1" width="4.453125" customWidth="1"/>
    <col min="2" max="2" width="10" customWidth="1"/>
    <col min="3" max="5" width="25.453125" customWidth="1"/>
    <col min="6" max="6" width="11.54296875" customWidth="1"/>
    <col min="7" max="7" width="47.7265625" customWidth="1"/>
    <col min="8" max="8" width="24.26953125" customWidth="1"/>
    <col min="9" max="9" width="14.54296875" style="34" hidden="1" customWidth="1"/>
    <col min="10" max="25" width="0" style="37" hidden="1" customWidth="1"/>
    <col min="26" max="26" width="0" hidden="1" customWidth="1"/>
  </cols>
  <sheetData>
    <row r="1" spans="2:22" ht="15" thickBot="1" x14ac:dyDescent="0.4"/>
    <row r="2" spans="2:22" x14ac:dyDescent="0.35">
      <c r="C2" s="41" t="s">
        <v>49</v>
      </c>
      <c r="D2" s="42"/>
      <c r="E2" s="42"/>
      <c r="F2" s="42"/>
      <c r="G2" s="42"/>
      <c r="H2" s="43"/>
    </row>
    <row r="3" spans="2:22" ht="52.5" customHeight="1" thickBot="1" x14ac:dyDescent="0.4">
      <c r="C3" s="44"/>
      <c r="D3" s="45"/>
      <c r="E3" s="45"/>
      <c r="F3" s="45"/>
      <c r="G3" s="45"/>
      <c r="H3" s="46"/>
      <c r="J3" s="28" t="s">
        <v>50</v>
      </c>
      <c r="N3" s="28" t="s">
        <v>38</v>
      </c>
      <c r="O3" s="28" t="s">
        <v>53</v>
      </c>
      <c r="R3" s="28" t="s">
        <v>57</v>
      </c>
      <c r="U3" s="28" t="s">
        <v>63</v>
      </c>
      <c r="V3" s="28" t="s">
        <v>63</v>
      </c>
    </row>
    <row r="4" spans="2:22" x14ac:dyDescent="0.35">
      <c r="I4" s="35"/>
      <c r="J4" s="28" t="s">
        <v>51</v>
      </c>
      <c r="N4" s="28" t="s">
        <v>39</v>
      </c>
      <c r="O4" s="28" t="s">
        <v>54</v>
      </c>
      <c r="R4" s="28" t="s">
        <v>58</v>
      </c>
      <c r="U4" s="28" t="s">
        <v>60</v>
      </c>
      <c r="V4" s="28" t="s">
        <v>60</v>
      </c>
    </row>
    <row r="5" spans="2:22" x14ac:dyDescent="0.35">
      <c r="I5" s="35"/>
      <c r="J5" s="28" t="s">
        <v>52</v>
      </c>
      <c r="N5" s="28" t="s">
        <v>40</v>
      </c>
      <c r="O5" s="28" t="s">
        <v>55</v>
      </c>
      <c r="R5" s="28" t="s">
        <v>59</v>
      </c>
      <c r="U5" s="28" t="s">
        <v>61</v>
      </c>
      <c r="V5" s="28" t="s">
        <v>61</v>
      </c>
    </row>
    <row r="6" spans="2:22" ht="15" thickBot="1" x14ac:dyDescent="0.4">
      <c r="I6" s="35"/>
      <c r="U6" s="28" t="s">
        <v>62</v>
      </c>
      <c r="V6" s="28" t="s">
        <v>64</v>
      </c>
    </row>
    <row r="7" spans="2:22" x14ac:dyDescent="0.35">
      <c r="B7" s="47" t="s">
        <v>3</v>
      </c>
      <c r="C7" s="49" t="s">
        <v>4</v>
      </c>
      <c r="D7" s="54" t="s">
        <v>1</v>
      </c>
      <c r="E7" s="55"/>
      <c r="F7" s="49" t="s">
        <v>0</v>
      </c>
      <c r="G7" s="49" t="s">
        <v>2</v>
      </c>
      <c r="H7" s="39" t="s">
        <v>36</v>
      </c>
      <c r="V7" s="28" t="s">
        <v>65</v>
      </c>
    </row>
    <row r="8" spans="2:22" ht="15" thickBot="1" x14ac:dyDescent="0.4">
      <c r="B8" s="48"/>
      <c r="C8" s="50"/>
      <c r="D8" s="56"/>
      <c r="E8" s="57"/>
      <c r="F8" s="50"/>
      <c r="G8" s="50"/>
      <c r="H8" s="40"/>
    </row>
    <row r="9" spans="2:22" ht="99.4" customHeight="1" x14ac:dyDescent="0.35">
      <c r="B9" s="61">
        <v>1</v>
      </c>
      <c r="C9" s="58" t="s">
        <v>5</v>
      </c>
      <c r="D9" s="1" t="s">
        <v>6</v>
      </c>
      <c r="E9" s="1" t="s">
        <v>7</v>
      </c>
      <c r="F9" s="16">
        <v>4</v>
      </c>
      <c r="G9" s="2" t="s">
        <v>41</v>
      </c>
      <c r="H9" s="29"/>
      <c r="I9" s="36"/>
    </row>
    <row r="10" spans="2:22" ht="121.15" customHeight="1" x14ac:dyDescent="0.35">
      <c r="B10" s="62"/>
      <c r="C10" s="59"/>
      <c r="D10" s="4" t="s">
        <v>8</v>
      </c>
      <c r="E10" s="4" t="s">
        <v>10</v>
      </c>
      <c r="F10" s="5">
        <v>2</v>
      </c>
      <c r="G10" s="6" t="s">
        <v>42</v>
      </c>
      <c r="H10" s="30"/>
    </row>
    <row r="11" spans="2:22" ht="121.15" customHeight="1" x14ac:dyDescent="0.35">
      <c r="B11" s="62"/>
      <c r="C11" s="59"/>
      <c r="D11" s="8" t="s">
        <v>9</v>
      </c>
      <c r="E11" s="8" t="s">
        <v>11</v>
      </c>
      <c r="F11" s="5">
        <v>4</v>
      </c>
      <c r="G11" s="6" t="s">
        <v>43</v>
      </c>
      <c r="H11" s="30"/>
    </row>
    <row r="12" spans="2:22" ht="97.9" customHeight="1" x14ac:dyDescent="0.35">
      <c r="B12" s="62"/>
      <c r="C12" s="60" t="s">
        <v>12</v>
      </c>
      <c r="D12" s="13" t="s">
        <v>13</v>
      </c>
      <c r="E12" s="13" t="s">
        <v>14</v>
      </c>
      <c r="F12" s="7">
        <v>1</v>
      </c>
      <c r="G12" s="6" t="s">
        <v>44</v>
      </c>
      <c r="H12" s="30"/>
    </row>
    <row r="13" spans="2:22" ht="121.15" customHeight="1" x14ac:dyDescent="0.35">
      <c r="B13" s="62"/>
      <c r="C13" s="60"/>
      <c r="D13" s="13" t="s">
        <v>15</v>
      </c>
      <c r="E13" s="13" t="s">
        <v>16</v>
      </c>
      <c r="F13" s="7">
        <v>4</v>
      </c>
      <c r="G13" s="6" t="s">
        <v>45</v>
      </c>
      <c r="H13" s="30"/>
    </row>
    <row r="14" spans="2:22" ht="121.15" customHeight="1" x14ac:dyDescent="0.35">
      <c r="B14" s="62"/>
      <c r="C14" s="9" t="s">
        <v>17</v>
      </c>
      <c r="D14" s="13" t="s">
        <v>18</v>
      </c>
      <c r="E14" s="13" t="s">
        <v>19</v>
      </c>
      <c r="F14" s="5">
        <v>1</v>
      </c>
      <c r="G14" s="6" t="s">
        <v>37</v>
      </c>
      <c r="H14" s="30"/>
    </row>
    <row r="15" spans="2:22" ht="121.15" customHeight="1" thickBot="1" x14ac:dyDescent="0.4">
      <c r="B15" s="63"/>
      <c r="C15" s="17" t="s">
        <v>20</v>
      </c>
      <c r="D15" s="18" t="s">
        <v>21</v>
      </c>
      <c r="E15" s="18" t="s">
        <v>22</v>
      </c>
      <c r="F15" s="19">
        <v>4</v>
      </c>
      <c r="G15" s="3" t="s">
        <v>56</v>
      </c>
      <c r="H15" s="31"/>
    </row>
    <row r="16" spans="2:22" ht="121.15" customHeight="1" x14ac:dyDescent="0.35">
      <c r="B16" s="64">
        <v>2</v>
      </c>
      <c r="C16" s="20" t="s">
        <v>67</v>
      </c>
      <c r="D16" s="21" t="s">
        <v>68</v>
      </c>
      <c r="E16" s="21" t="s">
        <v>23</v>
      </c>
      <c r="F16" s="22">
        <v>4</v>
      </c>
      <c r="G16" s="23" t="s">
        <v>73</v>
      </c>
      <c r="H16" s="29"/>
    </row>
    <row r="17" spans="2:8" ht="121.15" customHeight="1" x14ac:dyDescent="0.35">
      <c r="B17" s="65"/>
      <c r="C17" s="15" t="s">
        <v>69</v>
      </c>
      <c r="D17" s="14" t="s">
        <v>70</v>
      </c>
      <c r="E17" s="14" t="s">
        <v>24</v>
      </c>
      <c r="F17" s="11">
        <v>4</v>
      </c>
      <c r="G17" s="12" t="s">
        <v>46</v>
      </c>
      <c r="H17" s="30"/>
    </row>
    <row r="18" spans="2:8" ht="103.9" customHeight="1" x14ac:dyDescent="0.35">
      <c r="B18" s="65"/>
      <c r="C18" s="15" t="s">
        <v>71</v>
      </c>
      <c r="D18" s="14" t="s">
        <v>47</v>
      </c>
      <c r="E18" s="14" t="s">
        <v>25</v>
      </c>
      <c r="F18" s="11">
        <v>2</v>
      </c>
      <c r="G18" s="12" t="s">
        <v>74</v>
      </c>
      <c r="H18" s="30"/>
    </row>
    <row r="19" spans="2:8" ht="85.9" customHeight="1" thickBot="1" x14ac:dyDescent="0.4">
      <c r="B19" s="66"/>
      <c r="C19" s="24" t="s">
        <v>72</v>
      </c>
      <c r="D19" s="18" t="s">
        <v>48</v>
      </c>
      <c r="E19" s="18" t="s">
        <v>26</v>
      </c>
      <c r="F19" s="19">
        <v>2</v>
      </c>
      <c r="G19" s="12" t="s">
        <v>75</v>
      </c>
      <c r="H19" s="31"/>
    </row>
    <row r="20" spans="2:8" ht="217.9" customHeight="1" thickBot="1" x14ac:dyDescent="0.4">
      <c r="B20" s="51">
        <v>3</v>
      </c>
      <c r="C20" s="20" t="s">
        <v>27</v>
      </c>
      <c r="D20" s="21" t="s">
        <v>30</v>
      </c>
      <c r="E20" s="25" t="s">
        <v>33</v>
      </c>
      <c r="F20" s="22">
        <v>6</v>
      </c>
      <c r="G20" s="23" t="s">
        <v>76</v>
      </c>
      <c r="H20" s="32"/>
    </row>
    <row r="21" spans="2:8" ht="244.5" customHeight="1" thickBot="1" x14ac:dyDescent="0.4">
      <c r="B21" s="52"/>
      <c r="C21" s="15" t="s">
        <v>28</v>
      </c>
      <c r="D21" s="14" t="s">
        <v>31</v>
      </c>
      <c r="E21" s="10" t="s">
        <v>34</v>
      </c>
      <c r="F21" s="11">
        <v>6</v>
      </c>
      <c r="G21" s="23" t="s">
        <v>77</v>
      </c>
      <c r="H21" s="33"/>
    </row>
    <row r="22" spans="2:8" ht="288" customHeight="1" thickBot="1" x14ac:dyDescent="0.4">
      <c r="B22" s="53"/>
      <c r="C22" s="24" t="s">
        <v>29</v>
      </c>
      <c r="D22" s="18" t="s">
        <v>32</v>
      </c>
      <c r="E22" s="26" t="s">
        <v>35</v>
      </c>
      <c r="F22" s="19">
        <v>6</v>
      </c>
      <c r="G22" s="27" t="s">
        <v>78</v>
      </c>
      <c r="H22" s="31"/>
    </row>
    <row r="24" spans="2:8" ht="52.5" customHeight="1" x14ac:dyDescent="0.35">
      <c r="B24" s="38" t="s">
        <v>66</v>
      </c>
      <c r="C24" s="38"/>
      <c r="D24" s="38"/>
      <c r="E24" s="38"/>
      <c r="F24" s="38"/>
      <c r="G24" s="38"/>
      <c r="H24" s="38"/>
    </row>
  </sheetData>
  <dataConsolidate/>
  <mergeCells count="13">
    <mergeCell ref="B24:H24"/>
    <mergeCell ref="H7:H8"/>
    <mergeCell ref="C2:H3"/>
    <mergeCell ref="B7:B8"/>
    <mergeCell ref="C7:C8"/>
    <mergeCell ref="F7:F8"/>
    <mergeCell ref="G7:G8"/>
    <mergeCell ref="B20:B22"/>
    <mergeCell ref="D7:E8"/>
    <mergeCell ref="C9:C11"/>
    <mergeCell ref="C12:C13"/>
    <mergeCell ref="B9:B15"/>
    <mergeCell ref="B16:B19"/>
  </mergeCells>
  <dataValidations count="7">
    <dataValidation type="list" allowBlank="1" showInputMessage="1" showErrorMessage="1" sqref="H10 H12 H14 H16 H18:H19" xr:uid="{00000000-0002-0000-0000-000000000000}">
      <formula1>"S,N"</formula1>
    </dataValidation>
    <dataValidation type="list" allowBlank="1" showInputMessage="1" showErrorMessage="1" sqref="H9" xr:uid="{2FE6DA61-653A-4048-A774-285A80C92F5B}">
      <formula1>$N$3:$N$5</formula1>
    </dataValidation>
    <dataValidation type="list" allowBlank="1" showInputMessage="1" showErrorMessage="1" sqref="H13 H11" xr:uid="{F33E22B5-2882-4FCC-8C9B-D935297DF15C}">
      <formula1>$J$3:$J$5</formula1>
    </dataValidation>
    <dataValidation type="list" allowBlank="1" showInputMessage="1" showErrorMessage="1" sqref="H15" xr:uid="{335CBCA7-7403-4EA7-800A-7736B5A9184C}">
      <formula1>$O$3:$O$5</formula1>
    </dataValidation>
    <dataValidation type="list" allowBlank="1" showInputMessage="1" showErrorMessage="1" sqref="H17" xr:uid="{CD508DD4-3A13-4D95-933D-4A44F57A9C55}">
      <formula1>$R$3:$R$5</formula1>
    </dataValidation>
    <dataValidation type="list" allowBlank="1" showInputMessage="1" showErrorMessage="1" sqref="H20" xr:uid="{1AFA2ECB-B757-4D05-B0FE-1867450E434C}">
      <formula1>$U$3:$U$6</formula1>
    </dataValidation>
    <dataValidation type="list" allowBlank="1" showInputMessage="1" showErrorMessage="1" sqref="H21 H22" xr:uid="{AAD82780-5D29-4858-B37D-0457A772CAED}">
      <formula1>$V$3:$V$7</formula1>
    </dataValidation>
  </dataValidations>
  <pageMargins left="0.35433070866141736" right="0.70866141732283472" top="0.19685039370078741" bottom="0.15748031496062992" header="0.31496062992125984" footer="0.31496062992125984"/>
  <pageSetup paperSize="8" scale="50" orientation="portrait" r:id="rId1"/>
  <rowBreaks count="1" manualBreakCount="1">
    <brk id="20" max="7"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vt:i4>
      </vt:variant>
      <vt:variant>
        <vt:lpstr>Intervalli denominati</vt:lpstr>
      </vt:variant>
      <vt:variant>
        <vt:i4>1</vt:i4>
      </vt:variant>
    </vt:vector>
  </HeadingPairs>
  <TitlesOfParts>
    <vt:vector size="2" baseType="lpstr">
      <vt:lpstr>Doc. 3</vt:lpstr>
      <vt:lpstr>'Doc. 3'!Titoli_stamp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berti Giovanni</dc:creator>
  <cp:lastModifiedBy>Formai Silvia</cp:lastModifiedBy>
  <cp:lastPrinted>2021-05-10T07:45:15Z</cp:lastPrinted>
  <dcterms:created xsi:type="dcterms:W3CDTF">2018-03-02T15:22:42Z</dcterms:created>
  <dcterms:modified xsi:type="dcterms:W3CDTF">2021-05-26T07:06:08Z</dcterms:modified>
</cp:coreProperties>
</file>